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5A6E71ED" w:rsidR="008503AC" w:rsidRDefault="006D026C" w:rsidP="00D253FF">
      <w:pPr>
        <w:pStyle w:val="Cuerpo1normal"/>
        <w:jc w:val="center"/>
        <w:rPr>
          <w:b/>
        </w:rPr>
      </w:pPr>
      <w:r>
        <w:rPr>
          <w:b/>
        </w:rPr>
        <w:t xml:space="preserve">CONVOCATORIA RAMON LLULL </w:t>
      </w:r>
    </w:p>
    <w:p w14:paraId="7DF8935A" w14:textId="5CAFE5D9" w:rsidR="00C0530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646EA9">
        <w:rPr>
          <w:b/>
        </w:rPr>
        <w:t>6</w:t>
      </w:r>
      <w:r w:rsidR="00B525C4">
        <w:rPr>
          <w:b/>
        </w:rPr>
        <w:t xml:space="preserve">: </w:t>
      </w:r>
      <w:r w:rsidR="00646EA9">
        <w:rPr>
          <w:b/>
        </w:rPr>
        <w:t>Memoria de la solicitud</w:t>
      </w:r>
    </w:p>
    <w:p w14:paraId="2BDFBF26" w14:textId="77777777" w:rsidR="001773FD" w:rsidRDefault="001773FD" w:rsidP="001773FD">
      <w:pPr>
        <w:pStyle w:val="Cuerpo1normal"/>
        <w:spacing w:after="0"/>
        <w:rPr>
          <w:b/>
        </w:rPr>
      </w:pPr>
    </w:p>
    <w:tbl>
      <w:tblPr>
        <w:tblW w:w="0" w:type="auto"/>
        <w:jc w:val="center"/>
        <w:tblBorders>
          <w:top w:val="single" w:sz="8" w:space="0" w:color="auto"/>
          <w:left w:val="single" w:sz="8" w:space="0" w:color="auto"/>
          <w:bottom w:val="single" w:sz="8" w:space="0" w:color="auto"/>
          <w:right w:val="single" w:sz="8" w:space="0" w:color="auto"/>
        </w:tblBorders>
        <w:tblLook w:val="04A0" w:firstRow="1" w:lastRow="0" w:firstColumn="1" w:lastColumn="0" w:noHBand="0" w:noVBand="1"/>
      </w:tblPr>
      <w:tblGrid>
        <w:gridCol w:w="9134"/>
      </w:tblGrid>
      <w:tr w:rsidR="001773FD" w:rsidRPr="00C95A45" w14:paraId="1829809F" w14:textId="77777777" w:rsidTr="001773FD">
        <w:trPr>
          <w:trHeight w:val="397"/>
          <w:jc w:val="center"/>
        </w:trPr>
        <w:tc>
          <w:tcPr>
            <w:tcW w:w="9134" w:type="dxa"/>
            <w:shd w:val="clear" w:color="auto" w:fill="auto"/>
            <w:vAlign w:val="center"/>
          </w:tcPr>
          <w:p w14:paraId="77344E23" w14:textId="5FE7398B" w:rsidR="001773FD" w:rsidRDefault="001773FD" w:rsidP="001773FD">
            <w:pPr>
              <w:spacing w:before="240" w:after="0" w:line="240" w:lineRule="auto"/>
              <w:jc w:val="center"/>
              <w:rPr>
                <w:rFonts w:ascii="Arial" w:eastAsia="Arial" w:hAnsi="Arial" w:cs="Arial"/>
                <w:bCs/>
                <w:u w:val="single"/>
                <w:lang w:val="es-ES_tradnl"/>
              </w:rPr>
            </w:pPr>
            <w:r>
              <w:rPr>
                <w:rFonts w:ascii="Arial" w:eastAsia="Arial" w:hAnsi="Arial" w:cs="Arial"/>
                <w:bCs/>
                <w:u w:val="single"/>
                <w:lang w:val="es-ES_tradnl"/>
              </w:rPr>
              <w:t>Instrucciones para elaborar la memoria</w:t>
            </w:r>
          </w:p>
          <w:p w14:paraId="5F389142" w14:textId="52AA4C39" w:rsidR="001773FD" w:rsidRPr="001773FD" w:rsidRDefault="001773FD" w:rsidP="001773FD">
            <w:pPr>
              <w:pStyle w:val="Cuerpo1normal"/>
              <w:spacing w:after="0"/>
              <w:rPr>
                <w:lang w:val="es-ES_tradnl"/>
              </w:rPr>
            </w:pPr>
          </w:p>
        </w:tc>
      </w:tr>
      <w:tr w:rsidR="001773FD" w:rsidRPr="00C95A45" w14:paraId="67936AB4" w14:textId="77777777" w:rsidTr="001773FD">
        <w:trPr>
          <w:jc w:val="center"/>
        </w:trPr>
        <w:tc>
          <w:tcPr>
            <w:tcW w:w="9134" w:type="dxa"/>
            <w:shd w:val="clear" w:color="auto" w:fill="auto"/>
          </w:tcPr>
          <w:p w14:paraId="0B381FF8" w14:textId="77777777" w:rsidR="001773FD" w:rsidRPr="00C95A45" w:rsidRDefault="001773FD" w:rsidP="001773FD">
            <w:pPr>
              <w:numPr>
                <w:ilvl w:val="0"/>
                <w:numId w:val="41"/>
              </w:numPr>
              <w:spacing w:after="0"/>
              <w:rPr>
                <w:rFonts w:ascii="Arial" w:hAnsi="Arial" w:cs="Arial"/>
                <w:lang w:val="ca-ES"/>
              </w:rPr>
            </w:pPr>
            <w:r w:rsidRPr="00C95A45">
              <w:rPr>
                <w:rFonts w:ascii="Arial" w:eastAsia="Arial" w:hAnsi="Arial" w:cs="Arial"/>
                <w:lang w:val="es-ES_tradnl"/>
              </w:rPr>
              <w:t>No se puede cambiar la estructura ni las secciones de la memoria.</w:t>
            </w:r>
          </w:p>
          <w:p w14:paraId="032F1629" w14:textId="77777777" w:rsidR="001773FD" w:rsidRPr="00C95A45" w:rsidRDefault="001773FD" w:rsidP="001773FD">
            <w:pPr>
              <w:numPr>
                <w:ilvl w:val="0"/>
                <w:numId w:val="41"/>
              </w:numPr>
              <w:spacing w:after="0"/>
              <w:rPr>
                <w:rFonts w:ascii="Arial" w:hAnsi="Arial" w:cs="Arial"/>
                <w:lang w:val="ca-ES"/>
              </w:rPr>
            </w:pPr>
            <w:r w:rsidRPr="00C95A45">
              <w:rPr>
                <w:rFonts w:ascii="Arial" w:eastAsia="Arial" w:hAnsi="Arial" w:cs="Arial"/>
                <w:lang w:val="es-ES_tradnl"/>
              </w:rPr>
              <w:t>Se ha de utilizar Arial 11, con interlineado de 1.15.</w:t>
            </w:r>
          </w:p>
          <w:p w14:paraId="4071C4B0" w14:textId="77777777" w:rsidR="001773FD" w:rsidRPr="00C95A45" w:rsidRDefault="001773FD" w:rsidP="001773FD">
            <w:pPr>
              <w:numPr>
                <w:ilvl w:val="0"/>
                <w:numId w:val="41"/>
              </w:numPr>
              <w:rPr>
                <w:rFonts w:ascii="Arial" w:hAnsi="Arial" w:cs="Arial"/>
                <w:lang w:val="ca-ES"/>
              </w:rPr>
            </w:pPr>
            <w:r w:rsidRPr="00C95A45">
              <w:rPr>
                <w:rFonts w:ascii="Arial" w:eastAsia="Arial" w:hAnsi="Arial" w:cs="Arial"/>
                <w:lang w:val="es-ES_tradnl"/>
              </w:rPr>
              <w:t>Es recomendable respetar la extensión máxima establecida para cada sección.</w:t>
            </w:r>
          </w:p>
        </w:tc>
      </w:tr>
    </w:tbl>
    <w:p w14:paraId="37152580" w14:textId="5A157C05" w:rsidR="001773FD" w:rsidRDefault="001773FD"/>
    <w:p w14:paraId="0A24D88B" w14:textId="77777777" w:rsidR="00162556" w:rsidRDefault="00162556" w:rsidP="00162556">
      <w:pPr>
        <w:pStyle w:val="Ttulo1"/>
      </w:pPr>
      <w:r>
        <w:t>Resumen de la propuesta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p w14:paraId="6C1D9FC2" w14:textId="2B0D6D70" w:rsidR="00162556" w:rsidRDefault="00162556" w:rsidP="00162556">
      <w:pPr>
        <w:pStyle w:val="Cuerpo1normal"/>
        <w:rPr>
          <w:b/>
          <w:bCs/>
        </w:rPr>
      </w:pPr>
      <w:r w:rsidRPr="00162556">
        <w:rPr>
          <w:b/>
          <w:bCs/>
        </w:rPr>
        <w:t>Título del proyecto: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14:paraId="13C3A046" w14:textId="77777777" w:rsidR="00162556" w:rsidRDefault="00162556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75CE5F93" w:rsidR="00162556" w:rsidRDefault="00162556" w:rsidP="00162556">
      <w:pPr>
        <w:pStyle w:val="Cuerpo1normal"/>
        <w:rPr>
          <w:b/>
          <w:bCs/>
        </w:rPr>
      </w:pPr>
      <w:r>
        <w:rPr>
          <w:b/>
          <w:bCs/>
        </w:rPr>
        <w:t>Resumen ejecutivo del proyecto (1 página máx.)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EndPr/>
            <w:sdtContent>
              <w:p w14:paraId="79D981D5" w14:textId="77777777" w:rsidR="00162556" w:rsidRDefault="00162556" w:rsidP="00AC1640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AC1640">
            <w:pPr>
              <w:pStyle w:val="Cuerpo1normal"/>
              <w:spacing w:after="0" w:line="276" w:lineRule="auto"/>
            </w:pPr>
          </w:p>
        </w:tc>
      </w:tr>
    </w:tbl>
    <w:p w14:paraId="01AA8AD0" w14:textId="4D66642B" w:rsidR="00162556" w:rsidRDefault="00162556" w:rsidP="00162556">
      <w:pPr>
        <w:pStyle w:val="Cuerpo1normal"/>
      </w:pPr>
      <w:r>
        <w:br w:type="page"/>
      </w:r>
    </w:p>
    <w:p w14:paraId="00A48CFD" w14:textId="74592FA6" w:rsidR="00162556" w:rsidRDefault="00AC1640" w:rsidP="00162556">
      <w:pPr>
        <w:pStyle w:val="Ttulo1"/>
      </w:pPr>
      <w:r>
        <w:lastRenderedPageBreak/>
        <w:t>Calidad científica</w:t>
      </w:r>
      <w:r w:rsidR="007464AB">
        <w:t xml:space="preserve"> (10 páginas máx.)</w:t>
      </w:r>
    </w:p>
    <w:p w14:paraId="43C16CF3" w14:textId="77777777" w:rsidR="00162556" w:rsidRDefault="00162556" w:rsidP="00162556">
      <w:pPr>
        <w:pStyle w:val="Cuerpo1normal"/>
        <w:spacing w:after="0" w:line="240" w:lineRule="auto"/>
      </w:pPr>
    </w:p>
    <w:p w14:paraId="6E7D721A" w14:textId="237B06BC" w:rsidR="00162556" w:rsidRPr="007464AB" w:rsidRDefault="007464AB" w:rsidP="002517D8">
      <w:pPr>
        <w:pStyle w:val="Cuerpo1normal"/>
        <w:jc w:val="both"/>
      </w:pPr>
      <w:r>
        <w:t>Objetivos científicos y tecnológicos del proyecto, estudio del estado del arte, contenido y alcance del proyecto, descripción de la metodología, consulta y participación de actores no científicos</w:t>
      </w:r>
      <w:r w:rsidR="00003B29">
        <w:t>. Se han de citar también las referencias bibliográficas más relevantes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0AC8DF8B" w14:textId="77777777" w:rsidTr="00162556">
        <w:tc>
          <w:tcPr>
            <w:tcW w:w="9180" w:type="dxa"/>
          </w:tcPr>
          <w:sdt>
            <w:sdtPr>
              <w:id w:val="-1742480877"/>
              <w:placeholder>
                <w:docPart w:val="C54372A8EF8D46DC93C5B6A647B9D703"/>
              </w:placeholder>
              <w:showingPlcHdr/>
            </w:sdtPr>
            <w:sdtEndPr/>
            <w:sdtContent>
              <w:p w14:paraId="5D8F5437" w14:textId="77777777" w:rsidR="00162556" w:rsidRDefault="00162556" w:rsidP="00AC1640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E9EBD16" w14:textId="77777777" w:rsidR="00162556" w:rsidRPr="00162556" w:rsidRDefault="00162556" w:rsidP="00AC1640">
            <w:pPr>
              <w:pStyle w:val="Cuerpo1normal"/>
              <w:spacing w:after="0" w:line="276" w:lineRule="auto"/>
            </w:pPr>
          </w:p>
        </w:tc>
      </w:tr>
    </w:tbl>
    <w:p w14:paraId="4938AD7D" w14:textId="77777777" w:rsidR="00162556" w:rsidRDefault="00162556" w:rsidP="00162556">
      <w:pPr>
        <w:pStyle w:val="Cuerpo1normal"/>
      </w:pPr>
      <w:r>
        <w:br w:type="page"/>
      </w:r>
    </w:p>
    <w:p w14:paraId="19B13B78" w14:textId="0040A172" w:rsidR="00003B29" w:rsidRDefault="00003B29" w:rsidP="00003B29">
      <w:pPr>
        <w:pStyle w:val="Ttulo1"/>
      </w:pPr>
      <w:r>
        <w:lastRenderedPageBreak/>
        <w:t>Interés estratégico (5 páginas máx.)</w:t>
      </w:r>
    </w:p>
    <w:p w14:paraId="3F4325F0" w14:textId="77777777" w:rsidR="00003B29" w:rsidRDefault="00003B29" w:rsidP="00003B29">
      <w:pPr>
        <w:pStyle w:val="Cuerpo1normal"/>
        <w:spacing w:after="0" w:line="240" w:lineRule="auto"/>
      </w:pPr>
    </w:p>
    <w:p w14:paraId="0E133CA3" w14:textId="018F7DEB" w:rsidR="00003B29" w:rsidRPr="007464AB" w:rsidRDefault="00003B29" w:rsidP="00AC1640">
      <w:pPr>
        <w:pStyle w:val="Cuerpo1normal"/>
        <w:jc w:val="both"/>
      </w:pPr>
      <w:r>
        <w:t>Capacidad del proyecto para generar mejoras en la prevención, diagnóstico y tratamiento de las enfermedades y en las actividades de promoción de la salud pública y mejora de los servicios de salud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003B29" w14:paraId="7A716F22" w14:textId="77777777" w:rsidTr="00AC1640">
        <w:tc>
          <w:tcPr>
            <w:tcW w:w="9180" w:type="dxa"/>
          </w:tcPr>
          <w:sdt>
            <w:sdtPr>
              <w:id w:val="-882549617"/>
              <w:placeholder>
                <w:docPart w:val="1C4ECEDF6B7649398A236085952F73F7"/>
              </w:placeholder>
              <w:showingPlcHdr/>
            </w:sdtPr>
            <w:sdtEndPr/>
            <w:sdtContent>
              <w:p w14:paraId="11ABAC3C" w14:textId="76CBD34E" w:rsidR="00CA7BE9" w:rsidRDefault="00CA7BE9" w:rsidP="00AC1640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7D1DC73D" w14:textId="77777777" w:rsidR="00003B29" w:rsidRPr="00162556" w:rsidRDefault="00003B29" w:rsidP="00AC1640">
            <w:pPr>
              <w:pStyle w:val="Cuerpo1normal"/>
              <w:spacing w:after="0" w:line="276" w:lineRule="auto"/>
            </w:pPr>
          </w:p>
        </w:tc>
      </w:tr>
    </w:tbl>
    <w:p w14:paraId="39E0A689" w14:textId="7A61972E" w:rsidR="00162556" w:rsidRDefault="00162556">
      <w:r>
        <w:br w:type="page"/>
      </w:r>
    </w:p>
    <w:p w14:paraId="59ECD9B2" w14:textId="77777777" w:rsidR="009C2B0E" w:rsidRDefault="009C2B0E" w:rsidP="009C2B0E">
      <w:pPr>
        <w:pStyle w:val="Ttulo1"/>
      </w:pPr>
      <w:r>
        <w:lastRenderedPageBreak/>
        <w:t>Aplicabilidad y transferibilidad (5 páginas máx.)</w:t>
      </w:r>
    </w:p>
    <w:p w14:paraId="6E685A01" w14:textId="77777777" w:rsidR="009C2B0E" w:rsidRDefault="009C2B0E" w:rsidP="009C2B0E">
      <w:pPr>
        <w:pStyle w:val="Cuerpo1normal"/>
        <w:spacing w:after="0" w:line="240" w:lineRule="auto"/>
      </w:pPr>
    </w:p>
    <w:p w14:paraId="3451B81F" w14:textId="77777777" w:rsidR="009C2B0E" w:rsidRPr="007464AB" w:rsidRDefault="009C2B0E" w:rsidP="002517D8">
      <w:pPr>
        <w:pStyle w:val="Cuerpo1normal"/>
        <w:jc w:val="both"/>
      </w:pPr>
      <w:r>
        <w:t>Explotación de los resultados, impacto económico, impacto social y medioambiental y proyección internacional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9C2B0E" w14:paraId="60F3EA6A" w14:textId="77777777" w:rsidTr="002142E3">
        <w:tc>
          <w:tcPr>
            <w:tcW w:w="9180" w:type="dxa"/>
          </w:tcPr>
          <w:p w14:paraId="3B1648CE" w14:textId="77777777" w:rsidR="009C2B0E" w:rsidRPr="00162556" w:rsidRDefault="009C2B0E" w:rsidP="009C2B0E">
            <w:pPr>
              <w:pStyle w:val="Cuerpo1normal"/>
              <w:spacing w:before="480" w:after="0" w:line="276" w:lineRule="auto"/>
              <w:ind w:left="720"/>
              <w:contextualSpacing/>
              <w:outlineLvl w:val="2"/>
            </w:pPr>
          </w:p>
        </w:tc>
      </w:tr>
    </w:tbl>
    <w:p w14:paraId="0874CDB6" w14:textId="77777777" w:rsidR="009C2B0E" w:rsidRDefault="009C2B0E" w:rsidP="009C2B0E">
      <w:pPr>
        <w:pStyle w:val="Cuerpo1normal"/>
      </w:pPr>
      <w:r>
        <w:br w:type="page"/>
      </w:r>
    </w:p>
    <w:p w14:paraId="49076CAA" w14:textId="62D31CC8" w:rsidR="00E55A2A" w:rsidRDefault="00E55A2A" w:rsidP="00E55A2A">
      <w:pPr>
        <w:pStyle w:val="Ttulo1"/>
      </w:pPr>
      <w:r>
        <w:lastRenderedPageBreak/>
        <w:t>Plan de trabajo, fases, tareas y cronograma (5 páginas máx.)</w:t>
      </w:r>
    </w:p>
    <w:p w14:paraId="3CE0A33B" w14:textId="77777777" w:rsidR="00E55A2A" w:rsidRDefault="00E55A2A" w:rsidP="00E55A2A">
      <w:pPr>
        <w:pStyle w:val="Cuerpo1normal"/>
        <w:spacing w:after="0" w:line="240" w:lineRule="auto"/>
      </w:pPr>
    </w:p>
    <w:p w14:paraId="10E2D060" w14:textId="64C24AA5" w:rsidR="00E55A2A" w:rsidRPr="007464AB" w:rsidRDefault="00CC6A79" w:rsidP="002517D8">
      <w:pPr>
        <w:pStyle w:val="Cuerpo1normal"/>
        <w:jc w:val="both"/>
      </w:pPr>
      <w:r>
        <w:t>En el cronograma ha de quedar constancia de la tarea y del investigador a cargo correspondiente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E55A2A" w14:paraId="0DAC844A" w14:textId="77777777" w:rsidTr="00AC1640">
        <w:tc>
          <w:tcPr>
            <w:tcW w:w="9180" w:type="dxa"/>
          </w:tcPr>
          <w:sdt>
            <w:sdtPr>
              <w:id w:val="-1475446893"/>
              <w:placeholder>
                <w:docPart w:val="B5A0CE8AF5824E2B84A7C9AEA7F06D03"/>
              </w:placeholder>
              <w:showingPlcHdr/>
            </w:sdtPr>
            <w:sdtEndPr/>
            <w:sdtContent>
              <w:p w14:paraId="6860A05B" w14:textId="77777777" w:rsidR="00E55A2A" w:rsidRDefault="00E55A2A" w:rsidP="00AC1640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DF4A6B6" w14:textId="77777777" w:rsidR="00E55A2A" w:rsidRPr="00162556" w:rsidRDefault="00E55A2A" w:rsidP="00AC1640">
            <w:pPr>
              <w:pStyle w:val="Cuerpo1normal"/>
              <w:spacing w:after="0" w:line="276" w:lineRule="auto"/>
            </w:pPr>
          </w:p>
        </w:tc>
      </w:tr>
    </w:tbl>
    <w:p w14:paraId="516C2D53" w14:textId="77777777" w:rsidR="00CC6A79" w:rsidRDefault="00CC6A79">
      <w:pPr>
        <w:rPr>
          <w:b/>
        </w:rPr>
      </w:pPr>
      <w:r>
        <w:rPr>
          <w:b/>
        </w:rPr>
        <w:br w:type="page"/>
      </w:r>
    </w:p>
    <w:p w14:paraId="79F44752" w14:textId="2DA1915D" w:rsidR="00CC6A79" w:rsidRDefault="009C2B0E" w:rsidP="00CC6A79">
      <w:pPr>
        <w:pStyle w:val="Ttulo1"/>
      </w:pPr>
      <w:r>
        <w:lastRenderedPageBreak/>
        <w:t xml:space="preserve">Justificación </w:t>
      </w:r>
      <w:r w:rsidR="00CC6A79">
        <w:t>del presupuesto (3 páginas máx.)</w:t>
      </w:r>
    </w:p>
    <w:p w14:paraId="2B611392" w14:textId="77777777" w:rsidR="00CC6A79" w:rsidRDefault="00CC6A79" w:rsidP="00CC6A79">
      <w:pPr>
        <w:pStyle w:val="Cuerpo1normal"/>
        <w:spacing w:after="0" w:line="240" w:lineRule="auto"/>
      </w:pPr>
    </w:p>
    <w:p w14:paraId="46388867" w14:textId="1351D653" w:rsidR="00CC6A79" w:rsidRPr="007464AB" w:rsidRDefault="00CC6A79" w:rsidP="002517D8">
      <w:pPr>
        <w:pStyle w:val="Cuerpo1normal"/>
        <w:jc w:val="both"/>
      </w:pPr>
      <w:bookmarkStart w:id="0" w:name="_GoBack"/>
      <w:r>
        <w:t>Justificación del presupuesto (subcontratación y asistencias técnicas, material fungible, gastos de amortización del instrumental y equipamiento</w:t>
      </w:r>
      <w:r w:rsidR="004D43FF">
        <w:t>, otros gastos necesarios).</w:t>
      </w:r>
    </w:p>
    <w:tbl>
      <w:tblPr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093"/>
        <w:gridCol w:w="3123"/>
      </w:tblGrid>
      <w:tr w:rsidR="00DB0303" w:rsidRPr="00DB0303" w14:paraId="7FCBB0A8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bookmarkEnd w:id="0"/>
          <w:p w14:paraId="3E7DC138" w14:textId="77777777" w:rsidR="00DB0303" w:rsidRPr="00DB0303" w:rsidRDefault="00DB0303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 w:rsidRPr="00DB0303">
              <w:rPr>
                <w:rFonts w:ascii="Arial" w:eastAsia="Arial Nova" w:hAnsi="Arial" w:cs="Arial"/>
                <w:lang w:val="es-ES_tradnl"/>
              </w:rPr>
              <w:t>Personal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801807316"/>
              <w:placeholder>
                <w:docPart w:val="18AE3C5BD67A4C19B225414C4354BF9D"/>
              </w:placeholder>
              <w:showingPlcHdr/>
            </w:sdtPr>
            <w:sdtEndPr/>
            <w:sdtContent>
              <w:p w14:paraId="796A5855" w14:textId="4C1F0C38" w:rsidR="00DB0303" w:rsidRPr="007C221B" w:rsidRDefault="007C221B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DB0303" w:rsidRPr="00DB0303" w14:paraId="745B90EA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44451FEE" w14:textId="77777777" w:rsidR="00DB0303" w:rsidRPr="00DB0303" w:rsidRDefault="00DB0303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 w:rsidRPr="00DB0303">
              <w:rPr>
                <w:rFonts w:ascii="Arial" w:eastAsia="Arial Nova" w:hAnsi="Arial" w:cs="Arial"/>
                <w:lang w:val="es-ES_tradnl"/>
              </w:rPr>
              <w:t>Bienes y servicios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-1136099325"/>
              <w:placeholder>
                <w:docPart w:val="C79FF834067E4BC8B79F84FABE9629FC"/>
              </w:placeholder>
              <w:showingPlcHdr/>
            </w:sdtPr>
            <w:sdtEndPr/>
            <w:sdtContent>
              <w:p w14:paraId="2AE6D3E4" w14:textId="34E0CF0D" w:rsidR="00DB0303" w:rsidRPr="007C221B" w:rsidRDefault="007C221B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DB0303" w:rsidRPr="00DB0303" w14:paraId="229D3580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77D35EF6" w14:textId="77777777" w:rsidR="00DB0303" w:rsidRPr="00DB0303" w:rsidRDefault="00DB0303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 w:rsidRPr="00DB0303">
              <w:rPr>
                <w:rFonts w:ascii="Arial" w:eastAsia="Arial Nova" w:hAnsi="Arial" w:cs="Arial"/>
                <w:lang w:val="es-ES_tradnl"/>
              </w:rPr>
              <w:t>Viajes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592205841"/>
              <w:placeholder>
                <w:docPart w:val="F76C58E9E2F6468CA7F2C92BFC6CBB3B"/>
              </w:placeholder>
              <w:showingPlcHdr/>
            </w:sdtPr>
            <w:sdtEndPr/>
            <w:sdtContent>
              <w:p w14:paraId="02EEEA3F" w14:textId="493B507F" w:rsidR="00DB0303" w:rsidRPr="007C221B" w:rsidRDefault="007C221B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DB0303" w:rsidRPr="00DB0303" w14:paraId="618864AC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041A3557" w14:textId="77777777" w:rsidR="00DB0303" w:rsidRPr="00DB0303" w:rsidRDefault="00DB0303" w:rsidP="00E43716">
            <w:pPr>
              <w:spacing w:after="0" w:line="240" w:lineRule="auto"/>
              <w:rPr>
                <w:rFonts w:ascii="Arial" w:eastAsia="Arial Nova" w:hAnsi="Arial" w:cs="Arial"/>
                <w:b/>
                <w:lang w:val="ca-ES"/>
              </w:rPr>
            </w:pPr>
            <w:r w:rsidRPr="00DB0303">
              <w:rPr>
                <w:rFonts w:ascii="Arial" w:eastAsia="Arial Nova" w:hAnsi="Arial" w:cs="Arial"/>
                <w:b/>
                <w:bCs/>
                <w:lang w:val="es-ES_tradnl"/>
              </w:rPr>
              <w:t>TOTAL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18970096"/>
              <w:showingPlcHdr/>
            </w:sdtPr>
            <w:sdtEndPr/>
            <w:sdtContent>
              <w:p w14:paraId="7C7CF9CF" w14:textId="50060BCB" w:rsidR="00DB0303" w:rsidRPr="007C221B" w:rsidRDefault="007C221B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</w:tbl>
    <w:p w14:paraId="17EF57C9" w14:textId="3213043C" w:rsidR="00E43716" w:rsidRDefault="00E55A2A">
      <w:pPr>
        <w:rPr>
          <w:b/>
        </w:rPr>
      </w:pPr>
      <w:r>
        <w:rPr>
          <w:b/>
        </w:rPr>
        <w:br w:type="page"/>
      </w:r>
    </w:p>
    <w:p w14:paraId="29E3F1F8" w14:textId="48B54677" w:rsidR="00E43716" w:rsidRDefault="00E43716" w:rsidP="00E43716">
      <w:pPr>
        <w:pStyle w:val="Ttulo1"/>
      </w:pPr>
      <w:r>
        <w:lastRenderedPageBreak/>
        <w:t>Plan de difusión (2 páginas máx.)</w:t>
      </w:r>
    </w:p>
    <w:p w14:paraId="28C67B0E" w14:textId="77777777" w:rsidR="00E43716" w:rsidRDefault="00E43716" w:rsidP="00E43716">
      <w:pPr>
        <w:pStyle w:val="Cuerpo1normal"/>
        <w:spacing w:after="0" w:line="240" w:lineRule="auto"/>
      </w:pPr>
    </w:p>
    <w:p w14:paraId="616B9842" w14:textId="097146E3" w:rsidR="00E43716" w:rsidRPr="007464AB" w:rsidRDefault="00E43716" w:rsidP="00E43716">
      <w:pPr>
        <w:pStyle w:val="Cuerpo1normal"/>
      </w:pPr>
      <w:r>
        <w:t>Actividades y eventos para difundir el proyecto a la sociedad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E43716" w14:paraId="6417684F" w14:textId="77777777" w:rsidTr="00AC1640">
        <w:tc>
          <w:tcPr>
            <w:tcW w:w="9180" w:type="dxa"/>
          </w:tcPr>
          <w:sdt>
            <w:sdtPr>
              <w:id w:val="-942835560"/>
              <w:showingPlcHdr/>
            </w:sdtPr>
            <w:sdtEndPr/>
            <w:sdtContent>
              <w:p w14:paraId="6229307A" w14:textId="77777777" w:rsidR="00E43716" w:rsidRDefault="00E43716" w:rsidP="00AC1640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135B2C0" w14:textId="77777777" w:rsidR="00E43716" w:rsidRPr="00162556" w:rsidRDefault="00E43716" w:rsidP="00AC1640">
            <w:pPr>
              <w:pStyle w:val="Cuerpo1normal"/>
              <w:spacing w:after="0" w:line="276" w:lineRule="auto"/>
            </w:pPr>
          </w:p>
        </w:tc>
      </w:tr>
    </w:tbl>
    <w:p w14:paraId="7E796B5D" w14:textId="77777777" w:rsidR="00E43716" w:rsidRDefault="00E43716">
      <w:r>
        <w:rPr>
          <w:b/>
        </w:rPr>
        <w:br w:type="page"/>
      </w: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0617F68A" w:rsidR="00983F07" w:rsidRPr="00847048" w:rsidRDefault="00EE69D6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lastRenderedPageBreak/>
              <w:t>F</w:t>
            </w:r>
            <w:r w:rsidR="00983F07" w:rsidRPr="00847048">
              <w:rPr>
                <w:b w:val="0"/>
                <w:color w:val="000000" w:themeColor="text1"/>
              </w:rPr>
              <w:t xml:space="preserve">irma </w:t>
            </w:r>
            <w:r w:rsidR="00983F07">
              <w:rPr>
                <w:b w:val="0"/>
                <w:color w:val="000000" w:themeColor="text1"/>
              </w:rPr>
              <w:t>d</w:t>
            </w:r>
            <w:r w:rsidR="0088767A">
              <w:rPr>
                <w:b w:val="0"/>
                <w:color w:val="000000" w:themeColor="text1"/>
              </w:rPr>
              <w:t>el investigador solici</w:t>
            </w:r>
            <w:r w:rsidR="006A247C">
              <w:rPr>
                <w:b w:val="0"/>
                <w:color w:val="000000" w:themeColor="text1"/>
              </w:rPr>
              <w:t>t</w:t>
            </w:r>
            <w:r w:rsidR="0088767A">
              <w:rPr>
                <w:b w:val="0"/>
                <w:color w:val="000000" w:themeColor="text1"/>
              </w:rPr>
              <w:t>ante</w:t>
            </w:r>
            <w:r w:rsidR="00983F07">
              <w:rPr>
                <w:b w:val="0"/>
                <w:color w:val="000000" w:themeColor="text1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 xml:space="preserve">Firma del </w:t>
            </w:r>
            <w:r w:rsidR="0088767A">
              <w:rPr>
                <w:b w:val="0"/>
                <w:color w:val="000000" w:themeColor="text1"/>
              </w:rPr>
              <w:t>responsable del grupo IdISBa</w:t>
            </w:r>
            <w:r>
              <w:rPr>
                <w:b w:val="0"/>
                <w:color w:val="000000" w:themeColor="text1"/>
              </w:rPr>
              <w:t>:</w:t>
            </w: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AC1640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BDAF9B6" w14:textId="77777777" w:rsidR="0010311F" w:rsidRDefault="0010311F" w:rsidP="00003BCC">
      <w:pPr>
        <w:spacing w:after="0" w:line="240" w:lineRule="auto"/>
      </w:pPr>
      <w:r>
        <w:separator/>
      </w:r>
    </w:p>
  </w:endnote>
  <w:endnote w:type="continuationSeparator" w:id="0">
    <w:p w14:paraId="6C639535" w14:textId="77777777" w:rsidR="0010311F" w:rsidRDefault="0010311F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95D3D09" w14:textId="77777777" w:rsidR="000739C9" w:rsidRDefault="000739C9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10311F" w:rsidRDefault="0010311F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2517D8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2517D8">
        <w:rPr>
          <w:noProof/>
        </w:rPr>
        <w:t>8</w:t>
      </w:r>
    </w:fldSimple>
  </w:p>
  <w:p w14:paraId="7A4ED594" w14:textId="77777777" w:rsidR="0010311F" w:rsidRDefault="0010311F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323FDD7E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10311F" w:rsidRDefault="0010311F" w:rsidP="009421DC">
    <w:pPr>
      <w:jc w:val="center"/>
    </w:pPr>
    <w:r>
      <w:t>Fundación Instituto de Investigación Sanita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28E7A11" w14:textId="77777777" w:rsidR="000739C9" w:rsidRDefault="000739C9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4A7F3F1" w14:textId="77777777" w:rsidR="0010311F" w:rsidRDefault="0010311F" w:rsidP="00003BCC">
      <w:pPr>
        <w:spacing w:after="0" w:line="240" w:lineRule="auto"/>
      </w:pPr>
      <w:r>
        <w:separator/>
      </w:r>
    </w:p>
  </w:footnote>
  <w:footnote w:type="continuationSeparator" w:id="0">
    <w:p w14:paraId="17B6E742" w14:textId="77777777" w:rsidR="0010311F" w:rsidRDefault="0010311F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1C5D9A3" w14:textId="77777777" w:rsidR="000739C9" w:rsidRDefault="000739C9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10311F" w:rsidRDefault="0010311F" w:rsidP="009421DC">
    <w:pPr>
      <w:pStyle w:val="Encabezado"/>
      <w:rPr>
        <w:sz w:val="18"/>
      </w:rPr>
    </w:pPr>
  </w:p>
  <w:p w14:paraId="4563D874" w14:textId="060652DD" w:rsidR="0010311F" w:rsidRDefault="000739C9" w:rsidP="009421DC">
    <w:pPr>
      <w:pStyle w:val="Encabezado"/>
      <w:rPr>
        <w:sz w:val="18"/>
      </w:rPr>
    </w:pPr>
    <w:r w:rsidRPr="000739C9">
      <w:rPr>
        <w:noProof/>
        <w:lang w:eastAsia="es-ES"/>
      </w:rPr>
      <w:drawing>
        <wp:anchor distT="0" distB="0" distL="114300" distR="114300" simplePos="0" relativeHeight="251668480" behindDoc="0" locked="0" layoutInCell="1" allowOverlap="1" wp14:anchorId="1C2C1E4E" wp14:editId="19C32A7A">
          <wp:simplePos x="0" y="0"/>
          <wp:positionH relativeFrom="column">
            <wp:posOffset>4118610</wp:posOffset>
          </wp:positionH>
          <wp:positionV relativeFrom="paragraph">
            <wp:posOffset>74295</wp:posOffset>
          </wp:positionV>
          <wp:extent cx="1374775" cy="345440"/>
          <wp:effectExtent l="0" t="0" r="0" b="0"/>
          <wp:wrapSquare wrapText="bothSides"/>
          <wp:docPr id="1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arca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74775" cy="3454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10311F"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7314CB8A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10311F" w:rsidRDefault="0010311F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03C05EED" w:rsidR="0010311F" w:rsidRDefault="0010311F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10311F" w:rsidRPr="003B3001" w:rsidRDefault="0010311F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>
          <w:pict>
            <v:line w14:anchorId="42C639CC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10311F" w:rsidRDefault="0010311F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292BB99" w14:textId="77777777" w:rsidR="000739C9" w:rsidRDefault="000739C9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CDFE212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4F9CAA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63611D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DC36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418F5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3226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D2EF32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AC8FF1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AEAB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39C9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311F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7D8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026C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C2B0E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1640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030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2289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4B639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4B6392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54372A8EF8D46DC93C5B6A647B9D7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8AF8ED-A149-4C94-AE62-240D64C5D63E}"/>
      </w:docPartPr>
      <w:docPartBody>
        <w:p w:rsidR="004B6392" w:rsidRDefault="004B6392" w:rsidP="004B6392">
          <w:pPr>
            <w:pStyle w:val="C54372A8EF8D46DC93C5B6A647B9D7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C4ECEDF6B7649398A236085952F73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0DA13A1-B06A-4438-97CD-0B8D0D9ADD39}"/>
      </w:docPartPr>
      <w:docPartBody>
        <w:p w:rsidR="004B6392" w:rsidRDefault="004B6392" w:rsidP="004B6392">
          <w:pPr>
            <w:pStyle w:val="1C4ECEDF6B7649398A236085952F73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A0CE8AF5824E2B84A7C9AEA7F06D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8A997ED-8CB3-4175-B596-7E270F3E2A3F}"/>
      </w:docPartPr>
      <w:docPartBody>
        <w:p w:rsidR="004B6392" w:rsidRDefault="004B6392" w:rsidP="004B6392">
          <w:pPr>
            <w:pStyle w:val="B5A0CE8AF5824E2B84A7C9AEA7F06D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8AE3C5BD67A4C19B225414C4354BF9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0E6051-8E15-45EF-8692-41E4C9D60FD3}"/>
      </w:docPartPr>
      <w:docPartBody>
        <w:p w:rsidR="004B6392" w:rsidRDefault="004B6392" w:rsidP="004B6392">
          <w:pPr>
            <w:pStyle w:val="18AE3C5BD67A4C19B225414C4354BF9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79FF834067E4BC8B79F84FABE9629F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69C204F-5E48-495A-A14D-444A47A9B130}"/>
      </w:docPartPr>
      <w:docPartBody>
        <w:p w:rsidR="004B6392" w:rsidRDefault="004B6392" w:rsidP="004B6392">
          <w:pPr>
            <w:pStyle w:val="C79FF834067E4BC8B79F84FABE9629FC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76C58E9E2F6468CA7F2C92BFC6CBB3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21B3D1-3A48-4D72-9CCE-1BFF9084B1DB}"/>
      </w:docPartPr>
      <w:docPartBody>
        <w:p w:rsidR="004B6392" w:rsidRDefault="004B6392" w:rsidP="004B6392">
          <w:pPr>
            <w:pStyle w:val="F76C58E9E2F6468CA7F2C92BFC6CBB3B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4A4086"/>
    <w:rsid w:val="004B6392"/>
    <w:rsid w:val="005F5823"/>
    <w:rsid w:val="006B7DC9"/>
    <w:rsid w:val="006D2856"/>
    <w:rsid w:val="007F380B"/>
    <w:rsid w:val="008B35EF"/>
    <w:rsid w:val="00A24E4D"/>
    <w:rsid w:val="00A615A6"/>
    <w:rsid w:val="00B17046"/>
    <w:rsid w:val="00BB4B81"/>
    <w:rsid w:val="00E62C00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A4086"/>
    <w:rPr>
      <w:color w:val="808080"/>
    </w:rPr>
  </w:style>
  <w:style w:type="paragraph" w:customStyle="1" w:styleId="6293278197784DF68C630FC9180C7518">
    <w:name w:val="6293278197784DF68C630FC9180C7518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0C2D7007AD64BBAB06EEAA13A63B743">
    <w:name w:val="50C2D7007AD64BBAB06EEAA13A63B74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5A2C8E44C284D89883A8AB23787E10E">
    <w:name w:val="05A2C8E44C284D89883A8AB23787E10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998CB000E7D412BA518E2E9E56A18AA">
    <w:name w:val="D998CB000E7D412BA518E2E9E56A18AA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30D039BD8E364D31AB5D6A3515F522E7">
    <w:name w:val="30D039BD8E364D31AB5D6A3515F522E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74E99CC6F60482FAD26F6EA602AA969">
    <w:name w:val="E74E99CC6F60482FAD26F6EA602AA96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D463AEE3B844AA0A9BACEAA031AF17D">
    <w:name w:val="4D463AEE3B844AA0A9BACEAA031AF17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293278197784DF68C630FC9180C75181">
    <w:name w:val="6293278197784DF68C630FC9180C7518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">
    <w:name w:val="50C2D7007AD64BBAB06EEAA13A63B743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">
    <w:name w:val="05A2C8E44C284D89883A8AB23787E10E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">
    <w:name w:val="D998CB000E7D412BA518E2E9E56A18AA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">
    <w:name w:val="30D039BD8E364D31AB5D6A3515F522E7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">
    <w:name w:val="4D463AEE3B844AA0A9BACEAA031AF17D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">
    <w:name w:val="F64FB23D729D46468BC297B44F44B6FD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">
    <w:name w:val="B9F3771CEBD54684B4E5CABD1515138D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4">
    <w:name w:val="8EBA15A4E5B345A5867796925D47769B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4">
    <w:name w:val="634878A259DE452ABD02EDFD63CBB647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5">
    <w:name w:val="8EBA15A4E5B345A5867796925D47769B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5">
    <w:name w:val="634878A259DE452ABD02EDFD63CBB647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6">
    <w:name w:val="8EBA15A4E5B345A5867796925D47769B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6">
    <w:name w:val="634878A259DE452ABD02EDFD63CBB647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2">
    <w:name w:val="50C2D7007AD64BBAB06EEAA13A63B743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2">
    <w:name w:val="05A2C8E44C284D89883A8AB23787E10E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2">
    <w:name w:val="D998CB000E7D412BA518E2E9E56A18AA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2">
    <w:name w:val="30D039BD8E364D31AB5D6A3515F522E7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2">
    <w:name w:val="4D463AEE3B844AA0A9BACEAA031AF17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2">
    <w:name w:val="B9F3771CEBD54684B4E5CABD1515138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7">
    <w:name w:val="8EBA15A4E5B345A5867796925D47769B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7">
    <w:name w:val="634878A259DE452ABD02EDFD63CBB647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3">
    <w:name w:val="50C2D7007AD64BBAB06EEAA13A63B743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3">
    <w:name w:val="05A2C8E44C284D89883A8AB23787E10E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3">
    <w:name w:val="D998CB000E7D412BA518E2E9E56A18AA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  <w:style w:type="paragraph" w:customStyle="1" w:styleId="30D039BD8E364D31AB5D6A3515F522E73">
    <w:name w:val="30D039BD8E364D31AB5D6A3515F522E7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3">
    <w:name w:val="4D463AEE3B844AA0A9BACEAA031AF17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8">
    <w:name w:val="8EBA15A4E5B345A5867796925D47769B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8">
    <w:name w:val="634878A259DE452ABD02EDFD63CBB647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4">
    <w:name w:val="50C2D7007AD64BBAB06EEAA13A63B743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4">
    <w:name w:val="05A2C8E44C284D89883A8AB23787E10E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4">
    <w:name w:val="D998CB000E7D412BA518E2E9E56A18AA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4">
    <w:name w:val="30D039BD8E364D31AB5D6A3515F522E7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4">
    <w:name w:val="4D463AEE3B844AA0A9BACEAA031AF17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4">
    <w:name w:val="F64FB23D729D46468BC297B44F44B6F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4">
    <w:name w:val="B9F3771CEBD54684B4E5CABD1515138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9">
    <w:name w:val="8EBA15A4E5B345A5867796925D47769B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9">
    <w:name w:val="634878A259DE452ABD02EDFD63CBB647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5">
    <w:name w:val="50C2D7007AD64BBAB06EEAA13A63B743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5">
    <w:name w:val="05A2C8E44C284D89883A8AB23787E10E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5">
    <w:name w:val="D998CB000E7D412BA518E2E9E56A18AA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5">
    <w:name w:val="30D039BD8E364D31AB5D6A3515F522E7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5">
    <w:name w:val="4D463AEE3B844AA0A9BACEAA031AF17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5">
    <w:name w:val="F64FB23D729D46468BC297B44F44B6F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5">
    <w:name w:val="B9F3771CEBD54684B4E5CABD1515138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0">
    <w:name w:val="8EBA15A4E5B345A5867796925D47769B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0">
    <w:name w:val="634878A259DE452ABD02EDFD63CBB647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6">
    <w:name w:val="50C2D7007AD64BBAB06EEAA13A63B743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6">
    <w:name w:val="05A2C8E44C284D89883A8AB23787E10E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6">
    <w:name w:val="D998CB000E7D412BA518E2E9E56A18AA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6">
    <w:name w:val="30D039BD8E364D31AB5D6A3515F522E7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6">
    <w:name w:val="4D463AEE3B844AA0A9BACEAA031AF17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6">
    <w:name w:val="F64FB23D729D46468BC297B44F44B6F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6">
    <w:name w:val="B9F3771CEBD54684B4E5CABD1515138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">
    <w:name w:val="05E39E2C416A4A80B2AA46E144F6ABF0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1">
    <w:name w:val="8EBA15A4E5B345A5867796925D47769B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1">
    <w:name w:val="634878A259DE452ABD02EDFD63CBB647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1">
    <w:name w:val="05E39E2C416A4A80B2AA46E144F6ABF0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7">
    <w:name w:val="50C2D7007AD64BBAB06EEAA13A63B743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7">
    <w:name w:val="05A2C8E44C284D89883A8AB23787E10E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7">
    <w:name w:val="D998CB000E7D412BA518E2E9E56A18AA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7">
    <w:name w:val="30D039BD8E364D31AB5D6A3515F522E7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7">
    <w:name w:val="4D463AEE3B844AA0A9BACEAA031AF17D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7">
    <w:name w:val="F64FB23D729D46468BC297B44F44B6FD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7">
    <w:name w:val="B9F3771CEBD54684B4E5CABD1515138D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14C4C0CE1FA4B0F9ACC98E3CB092885">
    <w:name w:val="814C4C0CE1FA4B0F9ACC98E3CB092885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8628590A444242B5DD2D7E16BD093D">
    <w:name w:val="1F8628590A444242B5DD2D7E16BD093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2">
    <w:name w:val="8EBA15A4E5B345A5867796925D47769B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2">
    <w:name w:val="634878A259DE452ABD02EDFD63CBB647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2">
    <w:name w:val="05E39E2C416A4A80B2AA46E144F6ABF0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8">
    <w:name w:val="50C2D7007AD64BBAB06EEAA13A63B743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8">
    <w:name w:val="05A2C8E44C284D89883A8AB23787E10E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8">
    <w:name w:val="D998CB000E7D412BA518E2E9E56A18AA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8">
    <w:name w:val="30D039BD8E364D31AB5D6A3515F522E7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8">
    <w:name w:val="4D463AEE3B844AA0A9BACEAA031AF17D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1">
    <w:name w:val="1F8628590A444242B5DD2D7E16BD093D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8">
    <w:name w:val="F64FB23D729D46468BC297B44F44B6FD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8">
    <w:name w:val="B9F3771CEBD54684B4E5CABD1515138D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3">
    <w:name w:val="8EBA15A4E5B345A5867796925D47769B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3">
    <w:name w:val="634878A259DE452ABD02EDFD63CBB64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3">
    <w:name w:val="05E39E2C416A4A80B2AA46E144F6ABF0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9">
    <w:name w:val="50C2D7007AD64BBAB06EEAA13A63B743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9">
    <w:name w:val="05A2C8E44C284D89883A8AB23787E10E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9">
    <w:name w:val="D998CB000E7D412BA518E2E9E56A18AA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9">
    <w:name w:val="30D039BD8E364D31AB5D6A3515F522E7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9">
    <w:name w:val="4D463AEE3B844AA0A9BACEAA031AF17D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2">
    <w:name w:val="1F8628590A444242B5DD2D7E16BD093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9">
    <w:name w:val="F64FB23D729D46468BC297B44F44B6FD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9">
    <w:name w:val="B9F3771CEBD54684B4E5CABD1515138D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4">
    <w:name w:val="8EBA15A4E5B345A5867796925D47769B1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4">
    <w:name w:val="634878A259DE452ABD02EDFD63CBB6471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4">
    <w:name w:val="05E39E2C416A4A80B2AA46E144F6ABF0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0">
    <w:name w:val="50C2D7007AD64BBAB06EEAA13A63B743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0">
    <w:name w:val="05A2C8E44C284D89883A8AB23787E10E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0">
    <w:name w:val="D998CB000E7D412BA518E2E9E56A18AA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0">
    <w:name w:val="30D039BD8E364D31AB5D6A3515F522E7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0">
    <w:name w:val="4D463AEE3B844AA0A9BACEAA031AF17D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3">
    <w:name w:val="1F8628590A444242B5DD2D7E16BD093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0">
    <w:name w:val="F64FB23D729D46468BC297B44F44B6FD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0">
    <w:name w:val="B9F3771CEBD54684B4E5CABD1515138D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5">
    <w:name w:val="8EBA15A4E5B345A5867796925D47769B1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5">
    <w:name w:val="634878A259DE452ABD02EDFD63CBB6471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5">
    <w:name w:val="05E39E2C416A4A80B2AA46E144F6ABF0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1">
    <w:name w:val="50C2D7007AD64BBAB06EEAA13A63B743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1">
    <w:name w:val="05A2C8E44C284D89883A8AB23787E10E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1">
    <w:name w:val="D998CB000E7D412BA518E2E9E56A18AA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1">
    <w:name w:val="30D039BD8E364D31AB5D6A3515F522E7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1">
    <w:name w:val="4D463AEE3B844AA0A9BACEAA031AF17D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4">
    <w:name w:val="1F8628590A444242B5DD2D7E16BD093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1">
    <w:name w:val="F64FB23D729D46468BC297B44F44B6FD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1">
    <w:name w:val="B9F3771CEBD54684B4E5CABD1515138D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6">
    <w:name w:val="8EBA15A4E5B345A5867796925D47769B1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6">
    <w:name w:val="634878A259DE452ABD02EDFD63CBB6471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6">
    <w:name w:val="05E39E2C416A4A80B2AA46E144F6ABF0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2">
    <w:name w:val="50C2D7007AD64BBAB06EEAA13A63B743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2">
    <w:name w:val="05A2C8E44C284D89883A8AB23787E10E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2">
    <w:name w:val="D998CB000E7D412BA518E2E9E56A18AA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2">
    <w:name w:val="30D039BD8E364D31AB5D6A3515F522E7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2">
    <w:name w:val="4D463AEE3B844AA0A9BACEAA031AF17D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5">
    <w:name w:val="1F8628590A444242B5DD2D7E16BD093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2">
    <w:name w:val="F64FB23D729D46468BC297B44F44B6FD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2">
    <w:name w:val="B9F3771CEBD54684B4E5CABD1515138D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">
    <w:name w:val="BA9DCFDB51844884B65178A711C79D8F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C95838A18E234C9B90E790C9DEC2B8FF">
    <w:name w:val="C95838A18E234C9B90E790C9DEC2B8FF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1A9A922282A482C939A99F16816805F">
    <w:name w:val="81A9A922282A482C939A99F16816805F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A79B3BC03EE4CC1AD0072E948A58C16">
    <w:name w:val="2A79B3BC03EE4CC1AD0072E948A58C1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68BFE316C7845D7819335BAE5A94564">
    <w:name w:val="F68BFE316C7845D7819335BAE5A94564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FF4E8D184F416E9FC3912EEA638C12">
    <w:name w:val="1AFF4E8D184F416E9FC3912EEA638C12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9C79D8E95F9496089172C982B269C4C">
    <w:name w:val="A9C79D8E95F9496089172C982B269C4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DC2E7ADF161461E9EA929EDE0BD8BDC">
    <w:name w:val="4DC2E7ADF161461E9EA929EDE0BD8BD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C5F420D372A4D4093B673CAB5918140">
    <w:name w:val="4C5F420D372A4D4093B673CAB5918140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7A6CF1C5AE94CAD8C1C3AA647731331">
    <w:name w:val="A7A6CF1C5AE94CAD8C1C3AA647731331"/>
    <w:rsid w:val="004A4086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A4086"/>
    <w:rPr>
      <w:color w:val="808080"/>
    </w:rPr>
  </w:style>
  <w:style w:type="paragraph" w:customStyle="1" w:styleId="6293278197784DF68C630FC9180C7518">
    <w:name w:val="6293278197784DF68C630FC9180C7518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0C2D7007AD64BBAB06EEAA13A63B743">
    <w:name w:val="50C2D7007AD64BBAB06EEAA13A63B74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5A2C8E44C284D89883A8AB23787E10E">
    <w:name w:val="05A2C8E44C284D89883A8AB23787E10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998CB000E7D412BA518E2E9E56A18AA">
    <w:name w:val="D998CB000E7D412BA518E2E9E56A18AA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30D039BD8E364D31AB5D6A3515F522E7">
    <w:name w:val="30D039BD8E364D31AB5D6A3515F522E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74E99CC6F60482FAD26F6EA602AA969">
    <w:name w:val="E74E99CC6F60482FAD26F6EA602AA96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D463AEE3B844AA0A9BACEAA031AF17D">
    <w:name w:val="4D463AEE3B844AA0A9BACEAA031AF17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293278197784DF68C630FC9180C75181">
    <w:name w:val="6293278197784DF68C630FC9180C7518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">
    <w:name w:val="50C2D7007AD64BBAB06EEAA13A63B743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">
    <w:name w:val="05A2C8E44C284D89883A8AB23787E10E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">
    <w:name w:val="D998CB000E7D412BA518E2E9E56A18AA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">
    <w:name w:val="30D039BD8E364D31AB5D6A3515F522E7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">
    <w:name w:val="4D463AEE3B844AA0A9BACEAA031AF17D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">
    <w:name w:val="F64FB23D729D46468BC297B44F44B6FD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">
    <w:name w:val="B9F3771CEBD54684B4E5CABD1515138D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4">
    <w:name w:val="8EBA15A4E5B345A5867796925D47769B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4">
    <w:name w:val="634878A259DE452ABD02EDFD63CBB647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5">
    <w:name w:val="8EBA15A4E5B345A5867796925D47769B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5">
    <w:name w:val="634878A259DE452ABD02EDFD63CBB647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6">
    <w:name w:val="8EBA15A4E5B345A5867796925D47769B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6">
    <w:name w:val="634878A259DE452ABD02EDFD63CBB647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2">
    <w:name w:val="50C2D7007AD64BBAB06EEAA13A63B743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2">
    <w:name w:val="05A2C8E44C284D89883A8AB23787E10E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2">
    <w:name w:val="D998CB000E7D412BA518E2E9E56A18AA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2">
    <w:name w:val="30D039BD8E364D31AB5D6A3515F522E7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2">
    <w:name w:val="4D463AEE3B844AA0A9BACEAA031AF17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2">
    <w:name w:val="B9F3771CEBD54684B4E5CABD1515138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7">
    <w:name w:val="8EBA15A4E5B345A5867796925D47769B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7">
    <w:name w:val="634878A259DE452ABD02EDFD63CBB647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3">
    <w:name w:val="50C2D7007AD64BBAB06EEAA13A63B743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3">
    <w:name w:val="05A2C8E44C284D89883A8AB23787E10E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3">
    <w:name w:val="D998CB000E7D412BA518E2E9E56A18AA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  <w:style w:type="paragraph" w:customStyle="1" w:styleId="30D039BD8E364D31AB5D6A3515F522E73">
    <w:name w:val="30D039BD8E364D31AB5D6A3515F522E7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3">
    <w:name w:val="4D463AEE3B844AA0A9BACEAA031AF17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8">
    <w:name w:val="8EBA15A4E5B345A5867796925D47769B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8">
    <w:name w:val="634878A259DE452ABD02EDFD63CBB647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4">
    <w:name w:val="50C2D7007AD64BBAB06EEAA13A63B743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4">
    <w:name w:val="05A2C8E44C284D89883A8AB23787E10E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4">
    <w:name w:val="D998CB000E7D412BA518E2E9E56A18AA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4">
    <w:name w:val="30D039BD8E364D31AB5D6A3515F522E7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4">
    <w:name w:val="4D463AEE3B844AA0A9BACEAA031AF17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4">
    <w:name w:val="F64FB23D729D46468BC297B44F44B6F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4">
    <w:name w:val="B9F3771CEBD54684B4E5CABD1515138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9">
    <w:name w:val="8EBA15A4E5B345A5867796925D47769B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9">
    <w:name w:val="634878A259DE452ABD02EDFD63CBB647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5">
    <w:name w:val="50C2D7007AD64BBAB06EEAA13A63B743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5">
    <w:name w:val="05A2C8E44C284D89883A8AB23787E10E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5">
    <w:name w:val="D998CB000E7D412BA518E2E9E56A18AA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5">
    <w:name w:val="30D039BD8E364D31AB5D6A3515F522E7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5">
    <w:name w:val="4D463AEE3B844AA0A9BACEAA031AF17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5">
    <w:name w:val="F64FB23D729D46468BC297B44F44B6F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5">
    <w:name w:val="B9F3771CEBD54684B4E5CABD1515138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0">
    <w:name w:val="8EBA15A4E5B345A5867796925D47769B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0">
    <w:name w:val="634878A259DE452ABD02EDFD63CBB647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6">
    <w:name w:val="50C2D7007AD64BBAB06EEAA13A63B743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6">
    <w:name w:val="05A2C8E44C284D89883A8AB23787E10E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6">
    <w:name w:val="D998CB000E7D412BA518E2E9E56A18AA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6">
    <w:name w:val="30D039BD8E364D31AB5D6A3515F522E7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6">
    <w:name w:val="4D463AEE3B844AA0A9BACEAA031AF17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6">
    <w:name w:val="F64FB23D729D46468BC297B44F44B6F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6">
    <w:name w:val="B9F3771CEBD54684B4E5CABD1515138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">
    <w:name w:val="05E39E2C416A4A80B2AA46E144F6ABF0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1">
    <w:name w:val="8EBA15A4E5B345A5867796925D47769B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1">
    <w:name w:val="634878A259DE452ABD02EDFD63CBB647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1">
    <w:name w:val="05E39E2C416A4A80B2AA46E144F6ABF0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7">
    <w:name w:val="50C2D7007AD64BBAB06EEAA13A63B743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7">
    <w:name w:val="05A2C8E44C284D89883A8AB23787E10E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7">
    <w:name w:val="D998CB000E7D412BA518E2E9E56A18AA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7">
    <w:name w:val="30D039BD8E364D31AB5D6A3515F522E7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7">
    <w:name w:val="4D463AEE3B844AA0A9BACEAA031AF17D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7">
    <w:name w:val="F64FB23D729D46468BC297B44F44B6FD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7">
    <w:name w:val="B9F3771CEBD54684B4E5CABD1515138D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14C4C0CE1FA4B0F9ACC98E3CB092885">
    <w:name w:val="814C4C0CE1FA4B0F9ACC98E3CB092885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8628590A444242B5DD2D7E16BD093D">
    <w:name w:val="1F8628590A444242B5DD2D7E16BD093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2">
    <w:name w:val="8EBA15A4E5B345A5867796925D47769B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2">
    <w:name w:val="634878A259DE452ABD02EDFD63CBB647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2">
    <w:name w:val="05E39E2C416A4A80B2AA46E144F6ABF0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8">
    <w:name w:val="50C2D7007AD64BBAB06EEAA13A63B743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8">
    <w:name w:val="05A2C8E44C284D89883A8AB23787E10E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8">
    <w:name w:val="D998CB000E7D412BA518E2E9E56A18AA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8">
    <w:name w:val="30D039BD8E364D31AB5D6A3515F522E7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8">
    <w:name w:val="4D463AEE3B844AA0A9BACEAA031AF17D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1">
    <w:name w:val="1F8628590A444242B5DD2D7E16BD093D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8">
    <w:name w:val="F64FB23D729D46468BC297B44F44B6FD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8">
    <w:name w:val="B9F3771CEBD54684B4E5CABD1515138D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3">
    <w:name w:val="8EBA15A4E5B345A5867796925D47769B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3">
    <w:name w:val="634878A259DE452ABD02EDFD63CBB64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3">
    <w:name w:val="05E39E2C416A4A80B2AA46E144F6ABF0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9">
    <w:name w:val="50C2D7007AD64BBAB06EEAA13A63B743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9">
    <w:name w:val="05A2C8E44C284D89883A8AB23787E10E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9">
    <w:name w:val="D998CB000E7D412BA518E2E9E56A18AA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9">
    <w:name w:val="30D039BD8E364D31AB5D6A3515F522E7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9">
    <w:name w:val="4D463AEE3B844AA0A9BACEAA031AF17D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2">
    <w:name w:val="1F8628590A444242B5DD2D7E16BD093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9">
    <w:name w:val="F64FB23D729D46468BC297B44F44B6FD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9">
    <w:name w:val="B9F3771CEBD54684B4E5CABD1515138D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4">
    <w:name w:val="8EBA15A4E5B345A5867796925D47769B1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4">
    <w:name w:val="634878A259DE452ABD02EDFD63CBB6471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4">
    <w:name w:val="05E39E2C416A4A80B2AA46E144F6ABF0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0">
    <w:name w:val="50C2D7007AD64BBAB06EEAA13A63B743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0">
    <w:name w:val="05A2C8E44C284D89883A8AB23787E10E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0">
    <w:name w:val="D998CB000E7D412BA518E2E9E56A18AA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0">
    <w:name w:val="30D039BD8E364D31AB5D6A3515F522E7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0">
    <w:name w:val="4D463AEE3B844AA0A9BACEAA031AF17D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3">
    <w:name w:val="1F8628590A444242B5DD2D7E16BD093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0">
    <w:name w:val="F64FB23D729D46468BC297B44F44B6FD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0">
    <w:name w:val="B9F3771CEBD54684B4E5CABD1515138D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5">
    <w:name w:val="8EBA15A4E5B345A5867796925D47769B1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5">
    <w:name w:val="634878A259DE452ABD02EDFD63CBB6471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5">
    <w:name w:val="05E39E2C416A4A80B2AA46E144F6ABF0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1">
    <w:name w:val="50C2D7007AD64BBAB06EEAA13A63B743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1">
    <w:name w:val="05A2C8E44C284D89883A8AB23787E10E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1">
    <w:name w:val="D998CB000E7D412BA518E2E9E56A18AA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1">
    <w:name w:val="30D039BD8E364D31AB5D6A3515F522E7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1">
    <w:name w:val="4D463AEE3B844AA0A9BACEAA031AF17D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4">
    <w:name w:val="1F8628590A444242B5DD2D7E16BD093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1">
    <w:name w:val="F64FB23D729D46468BC297B44F44B6FD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1">
    <w:name w:val="B9F3771CEBD54684B4E5CABD1515138D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6">
    <w:name w:val="8EBA15A4E5B345A5867796925D47769B1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6">
    <w:name w:val="634878A259DE452ABD02EDFD63CBB6471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6">
    <w:name w:val="05E39E2C416A4A80B2AA46E144F6ABF0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2">
    <w:name w:val="50C2D7007AD64BBAB06EEAA13A63B743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2">
    <w:name w:val="05A2C8E44C284D89883A8AB23787E10E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2">
    <w:name w:val="D998CB000E7D412BA518E2E9E56A18AA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2">
    <w:name w:val="30D039BD8E364D31AB5D6A3515F522E7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2">
    <w:name w:val="4D463AEE3B844AA0A9BACEAA031AF17D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5">
    <w:name w:val="1F8628590A444242B5DD2D7E16BD093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2">
    <w:name w:val="F64FB23D729D46468BC297B44F44B6FD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2">
    <w:name w:val="B9F3771CEBD54684B4E5CABD1515138D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">
    <w:name w:val="BA9DCFDB51844884B65178A711C79D8F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C95838A18E234C9B90E790C9DEC2B8FF">
    <w:name w:val="C95838A18E234C9B90E790C9DEC2B8FF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1A9A922282A482C939A99F16816805F">
    <w:name w:val="81A9A922282A482C939A99F16816805F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A79B3BC03EE4CC1AD0072E948A58C16">
    <w:name w:val="2A79B3BC03EE4CC1AD0072E948A58C1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68BFE316C7845D7819335BAE5A94564">
    <w:name w:val="F68BFE316C7845D7819335BAE5A94564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FF4E8D184F416E9FC3912EEA638C12">
    <w:name w:val="1AFF4E8D184F416E9FC3912EEA638C12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9C79D8E95F9496089172C982B269C4C">
    <w:name w:val="A9C79D8E95F9496089172C982B269C4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DC2E7ADF161461E9EA929EDE0BD8BDC">
    <w:name w:val="4DC2E7ADF161461E9EA929EDE0BD8BD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C5F420D372A4D4093B673CAB5918140">
    <w:name w:val="4C5F420D372A4D4093B673CAB5918140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7A6CF1C5AE94CAD8C1C3AA647731331">
    <w:name w:val="A7A6CF1C5AE94CAD8C1C3AA647731331"/>
    <w:rsid w:val="004A408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CAB1A3B-BC4A-4A95-8F42-2AD64B16C72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96</TotalTime>
  <Pages>8</Pages>
  <Words>276</Words>
  <Characters>1520</Characters>
  <Application>Microsoft Office Word</Application>
  <DocSecurity>0</DocSecurity>
  <Lines>12</Lines>
  <Paragraphs>3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9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Laura Zamorano Paez</cp:lastModifiedBy>
  <cp:revision>294</cp:revision>
  <cp:lastPrinted>2024-05-30T11:02:00Z</cp:lastPrinted>
  <dcterms:created xsi:type="dcterms:W3CDTF">2024-04-25T05:33:00Z</dcterms:created>
  <dcterms:modified xsi:type="dcterms:W3CDTF">2026-04-10T09:54:00Z</dcterms:modified>
</cp:coreProperties>
</file>